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drawings/drawing1.xml" ContentType="application/vnd.openxmlformats-officedocument.drawing+xml"/>
  <Override PartName="/xl/comments3.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130"/>
  <workbookPr/>
  <mc:AlternateContent xmlns:mc="http://schemas.openxmlformats.org/markup-compatibility/2006">
    <mc:Choice Requires="x15">
      <x15ac:absPath xmlns:x15ac="http://schemas.microsoft.com/office/spreadsheetml/2010/11/ac" url="C:\Users\i34079\source\repos\Supply-Chain-Sustainability\3e-scs\ToxnotWebApplication\ClientApp\public\files\"/>
    </mc:Choice>
  </mc:AlternateContent>
  <xr:revisionPtr revIDLastSave="0" documentId="13_ncr:1_{D935024E-4F1F-4120-9C61-A8085BDC7147}" xr6:coauthVersionLast="47" xr6:coauthVersionMax="47" xr10:uidLastSave="{00000000-0000-0000-0000-000000000000}"/>
  <bookViews>
    <workbookView xWindow="-13905" yWindow="-16320" windowWidth="29040" windowHeight="15720" activeTab="3" xr2:uid="{00000000-000D-0000-FFFF-FFFF00000000}"/>
  </bookViews>
  <sheets>
    <sheet name="Template" sheetId="1" r:id="rId1"/>
    <sheet name="Example" sheetId="2" r:id="rId2"/>
    <sheet name="Instructions" sheetId="3" r:id="rId3"/>
    <sheet name="Pages and Fields Key" sheetId="4" r:id="rId4"/>
  </sheets>
  <calcPr calcId="162913"/>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emahon</author>
  </authors>
  <commentList>
    <comment ref="A1" authorId="0" shapeId="0" xr:uid="{FB1F0AA7-1C1C-4C18-B9DE-DE73A56AB488}">
      <text>
        <r>
          <rPr>
            <sz val="9"/>
            <color indexed="81"/>
            <rFont val="Tahoma"/>
            <family val="2"/>
          </rPr>
          <t>The name of the product or material this data is for.</t>
        </r>
      </text>
    </comment>
    <comment ref="B1" authorId="0" shapeId="0" xr:uid="{29BE0ED5-73BB-4BB7-AA1F-9B04D2B60511}">
      <text>
        <r>
          <rPr>
            <sz val="9"/>
            <color indexed="81"/>
            <rFont val="Tahoma"/>
            <family val="2"/>
          </rPr>
          <t>The description of the product or material this summary data is for</t>
        </r>
      </text>
    </comment>
    <comment ref="C1" authorId="0" shapeId="0" xr:uid="{3765FD62-778E-4785-B399-55A48EB20748}">
      <text>
        <r>
          <rPr>
            <sz val="9"/>
            <color indexed="81"/>
            <rFont val="Tahoma"/>
            <family val="2"/>
          </rPr>
          <t>The name of the supplier for the product or material this summary data is for</t>
        </r>
      </text>
    </comment>
    <comment ref="D1" authorId="0" shapeId="0" xr:uid="{6851D7A0-08C0-4083-88BC-B0AAD873BCC9}">
      <text>
        <r>
          <rPr>
            <sz val="9"/>
            <color indexed="81"/>
            <rFont val="Tahoma"/>
            <family val="2"/>
          </rPr>
          <t>The plant the product or material this summary data is for is made at</t>
        </r>
      </text>
    </comment>
    <comment ref="E1" authorId="0" shapeId="0" xr:uid="{ECA1DA94-06F5-4090-AFC8-EB85B239D7DD}">
      <text>
        <r>
          <rPr>
            <sz val="9"/>
            <color indexed="81"/>
            <rFont val="Tahoma"/>
            <family val="2"/>
          </rPr>
          <t>The name of the page this summary data or metadata is on</t>
        </r>
      </text>
    </comment>
    <comment ref="F1" authorId="0" shapeId="0" xr:uid="{E3538A6C-F3CD-44EF-892E-CCDD4C23B67A}">
      <text>
        <r>
          <rPr>
            <sz val="9"/>
            <color indexed="81"/>
            <rFont val="Tahoma"/>
            <family val="2"/>
          </rPr>
          <t>The name of the summary data or metadata field this data is for</t>
        </r>
      </text>
    </comment>
    <comment ref="G1" authorId="0" shapeId="0" xr:uid="{6F7D2B16-398D-457A-A867-3ACBC4D028C7}">
      <text>
        <r>
          <rPr>
            <sz val="9"/>
            <color indexed="81"/>
            <rFont val="Tahoma"/>
            <family val="2"/>
          </rPr>
          <t>The content of the summary data or metadata field to set</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emahon</author>
  </authors>
  <commentList>
    <comment ref="A1" authorId="0" shapeId="0" xr:uid="{F34B4D99-FAFC-45F1-91E4-2DA878017156}">
      <text>
        <r>
          <rPr>
            <sz val="9"/>
            <color indexed="81"/>
            <rFont val="Tahoma"/>
            <family val="2"/>
          </rPr>
          <t>The name of the product or material this data is for.</t>
        </r>
      </text>
    </comment>
    <comment ref="B1" authorId="0" shapeId="0" xr:uid="{A25C2ED2-01B1-47F8-8796-6F3800E3470E}">
      <text>
        <r>
          <rPr>
            <sz val="9"/>
            <color indexed="81"/>
            <rFont val="Tahoma"/>
            <family val="2"/>
          </rPr>
          <t>The description of the product or material this summary data is for</t>
        </r>
      </text>
    </comment>
    <comment ref="C1" authorId="0" shapeId="0" xr:uid="{AE15F49C-D75B-45A0-BD8C-341F1179A897}">
      <text>
        <r>
          <rPr>
            <sz val="9"/>
            <color indexed="81"/>
            <rFont val="Tahoma"/>
            <family val="2"/>
          </rPr>
          <t>The name of the supplier for the product or material this summary data is for</t>
        </r>
      </text>
    </comment>
    <comment ref="D1" authorId="0" shapeId="0" xr:uid="{A2A59361-29E4-418D-9166-A2AFC7E958A6}">
      <text>
        <r>
          <rPr>
            <sz val="9"/>
            <color indexed="81"/>
            <rFont val="Tahoma"/>
            <family val="2"/>
          </rPr>
          <t>The plant the product or material this summary data is for is made at</t>
        </r>
      </text>
    </comment>
    <comment ref="E1" authorId="0" shapeId="0" xr:uid="{918A46A7-FD62-455B-A6AE-B4A2B8B365C8}">
      <text>
        <r>
          <rPr>
            <sz val="9"/>
            <color indexed="81"/>
            <rFont val="Tahoma"/>
            <family val="2"/>
          </rPr>
          <t>The name of the page this summary data or metadata is on</t>
        </r>
      </text>
    </comment>
    <comment ref="F1" authorId="0" shapeId="0" xr:uid="{A02851C3-B423-4A9E-8631-3C4DD8CB1893}">
      <text>
        <r>
          <rPr>
            <sz val="9"/>
            <color indexed="81"/>
            <rFont val="Tahoma"/>
            <family val="2"/>
          </rPr>
          <t>The name of the summary data or metadata field this data is for</t>
        </r>
      </text>
    </comment>
    <comment ref="G1" authorId="0" shapeId="0" xr:uid="{95C065C1-7405-40E9-BC39-45A4075150B4}">
      <text>
        <r>
          <rPr>
            <sz val="9"/>
            <color indexed="81"/>
            <rFont val="Tahoma"/>
            <family val="2"/>
          </rPr>
          <t>The content of the summary data or metadata field to set</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emahon</author>
    <author>Marcin Luzny</author>
    <author>matmo</author>
  </authors>
  <commentList>
    <comment ref="B25" authorId="0" shapeId="0" xr:uid="{5B4533AA-F09E-41DC-93B1-5649065FA17D}">
      <text>
        <r>
          <rPr>
            <sz val="9"/>
            <color indexed="81"/>
            <rFont val="Tahoma"/>
            <family val="2"/>
          </rPr>
          <t>Valid values:
Not Considered
Partially Considered
Considered</t>
        </r>
      </text>
    </comment>
    <comment ref="B27" authorId="0" shapeId="0" xr:uid="{DF9F0E76-EC40-48AC-9695-FFE2862A953A}">
      <text>
        <r>
          <rPr>
            <sz val="9"/>
            <color indexed="81"/>
            <rFont val="Tahoma"/>
            <family val="2"/>
          </rPr>
          <t>Valid values:
No
Yes
Unknown</t>
        </r>
      </text>
    </comment>
    <comment ref="C28" authorId="0" shapeId="0" xr:uid="{75CA8710-6AE7-4688-9D60-BE49C999546B}">
      <text>
        <r>
          <rPr>
            <sz val="9"/>
            <color indexed="81"/>
            <rFont val="Tahoma"/>
            <family val="2"/>
          </rPr>
          <t>Valid values:
LBC Red List Free
LBC Red List Approved
Declared</t>
        </r>
      </text>
    </comment>
    <comment ref="B30" authorId="0" shapeId="0" xr:uid="{9755C550-7D90-4A6A-B110-EF01743C53A9}">
      <text>
        <r>
          <rPr>
            <sz val="9"/>
            <color indexed="81"/>
            <rFont val="Tahoma"/>
            <family val="2"/>
          </rPr>
          <t>Valid values:
No
Yes
Not Applicable</t>
        </r>
      </text>
    </comment>
    <comment ref="C30" authorId="0" shapeId="0" xr:uid="{2C69C259-C7B1-41C6-A11D-3BE984C2E7C6}">
      <text>
        <r>
          <rPr>
            <sz val="9"/>
            <color indexed="81"/>
            <rFont val="Tahoma"/>
            <family val="2"/>
          </rPr>
          <t>Valid values:
CDPH Standard Method v1.1-2010
CDPH Standard Method v1.2-2017
AgBB Scheme 2009
AgBB Scheme French A+ 2011
Exception I08-E1: Product Air Quality Testing in Oceania
Not Compliant</t>
        </r>
      </text>
    </comment>
    <comment ref="B32" authorId="0" shapeId="0" xr:uid="{50B298D4-3093-4F29-9444-B579FAA8EF00}">
      <text>
        <r>
          <rPr>
            <sz val="9"/>
            <color indexed="81"/>
            <rFont val="Tahoma"/>
            <family val="2"/>
          </rPr>
          <t>Valid values:
No
Yes
Not Applicable</t>
        </r>
      </text>
    </comment>
    <comment ref="B33" authorId="0" shapeId="0" xr:uid="{9AD41C36-5856-418F-ABD2-4ADDCEB49F5A}">
      <text>
        <r>
          <rPr>
            <sz val="9"/>
            <color indexed="81"/>
            <rFont val="Tahoma"/>
            <family val="2"/>
          </rPr>
          <t>Valid values:
No pre-checks completed or disclosed.
Pre-checked for LEED v4 Material Ingredients Option 1.
Pre-checked for LEED v4 Material Ingredients Option 2.
Pre-checked for LEED v4 Material Ingredients Option 1 and Option 2.</t>
        </r>
      </text>
    </comment>
    <comment ref="C33" authorId="0" shapeId="0" xr:uid="{0DE52C27-3455-4307-9C2B-36E1E3C11281}">
      <text>
        <r>
          <rPr>
            <sz val="9"/>
            <color indexed="81"/>
            <rFont val="Tahoma"/>
            <family val="2"/>
          </rPr>
          <t>Valid values:
True
False</t>
        </r>
      </text>
    </comment>
    <comment ref="B34" authorId="0" shapeId="0" xr:uid="{18626864-83D4-45CF-B92A-E88A18249F0B}">
      <text>
        <r>
          <rPr>
            <sz val="9"/>
            <color indexed="81"/>
            <rFont val="Tahoma"/>
            <family val="2"/>
          </rPr>
          <t>Valid values:
Self-Published
Third Party Verified</t>
        </r>
      </text>
    </comment>
    <comment ref="C35" authorId="0" shapeId="0" xr:uid="{BEE7B778-107C-4292-85E6-7B46A85E06B0}">
      <text>
        <r>
          <rPr>
            <sz val="9"/>
            <color indexed="81"/>
            <rFont val="Tahoma"/>
            <family val="2"/>
          </rPr>
          <t>Valid values:
True
False</t>
        </r>
      </text>
    </comment>
    <comment ref="C36" authorId="0" shapeId="0" xr:uid="{F0030572-5CD5-415E-B8BE-6A5678EC0D37}">
      <text>
        <r>
          <rPr>
            <sz val="9"/>
            <color indexed="81"/>
            <rFont val="Tahoma"/>
            <family val="2"/>
          </rPr>
          <t>Valid values:
True
False</t>
        </r>
      </text>
    </comment>
    <comment ref="C38" authorId="0" shapeId="0" xr:uid="{24BBAF4C-F295-4629-8029-21CB5A41B821}">
      <text>
        <r>
          <rPr>
            <sz val="9"/>
            <color indexed="81"/>
            <rFont val="Tahoma"/>
            <family val="2"/>
          </rPr>
          <t>Valid values:
True
False</t>
        </r>
      </text>
    </comment>
    <comment ref="C40" authorId="0" shapeId="0" xr:uid="{D1E3B31C-DC05-47DE-9FA5-3C9C4FFDAF44}">
      <text>
        <r>
          <rPr>
            <sz val="9"/>
            <color indexed="81"/>
            <rFont val="Tahoma"/>
            <family val="2"/>
          </rPr>
          <t>Valid values:
True
False</t>
        </r>
      </text>
    </comment>
    <comment ref="C42" authorId="0" shapeId="0" xr:uid="{3768F2FF-959A-4F4C-BAAF-8FA0FC754D3E}">
      <text>
        <r>
          <rPr>
            <sz val="9"/>
            <color indexed="81"/>
            <rFont val="Tahoma"/>
            <family val="2"/>
          </rPr>
          <t>Valid values:
True
False</t>
        </r>
      </text>
    </comment>
    <comment ref="A43" authorId="0" shapeId="0" xr:uid="{D72DA20D-CB19-42B9-9B7D-23BF57D773AF}">
      <text>
        <r>
          <rPr>
            <sz val="9"/>
            <color indexed="81"/>
            <rFont val="Tahoma"/>
            <family val="2"/>
          </rPr>
          <t>Valid values:
Reacted
Unreacted</t>
        </r>
      </text>
    </comment>
    <comment ref="C45" authorId="0" shapeId="0" xr:uid="{2B1974B2-973A-46B4-8A24-EFB8D92BD263}">
      <text>
        <r>
          <rPr>
            <sz val="9"/>
            <color indexed="81"/>
            <rFont val="Tahoma"/>
            <family val="2"/>
          </rPr>
          <t>Valid values:
Yes
No</t>
        </r>
      </text>
    </comment>
    <comment ref="C47" authorId="0" shapeId="0" xr:uid="{9DE32C7D-5286-45B1-9F17-0C21F12668CC}">
      <text>
        <r>
          <rPr>
            <sz val="9"/>
            <color indexed="81"/>
            <rFont val="Tahoma"/>
            <family val="2"/>
          </rPr>
          <t>Valid values:
Yes
No</t>
        </r>
      </text>
    </comment>
    <comment ref="C48" authorId="0" shapeId="0" xr:uid="{941B9057-0968-4E5E-A1EA-EFBCDF84ED1D}">
      <text>
        <r>
          <rPr>
            <sz val="9"/>
            <color indexed="81"/>
            <rFont val="Tahoma"/>
            <family val="2"/>
          </rPr>
          <t>Valid values:
Yes
No</t>
        </r>
      </text>
    </comment>
    <comment ref="C49" authorId="0" shapeId="0" xr:uid="{0E3E2B8C-B842-45BD-ACB8-04B31BEF2ECD}">
      <text>
        <r>
          <rPr>
            <sz val="9"/>
            <color indexed="81"/>
            <rFont val="Tahoma"/>
            <family val="2"/>
          </rPr>
          <t>Valid values:
Yes
No</t>
        </r>
      </text>
    </comment>
    <comment ref="C50" authorId="0" shapeId="0" xr:uid="{D075C316-12A3-463C-8483-CACC765BDB2A}">
      <text>
        <r>
          <rPr>
            <sz val="9"/>
            <color indexed="81"/>
            <rFont val="Tahoma"/>
            <family val="2"/>
          </rPr>
          <t>Valid values:
Yes
No</t>
        </r>
      </text>
    </comment>
    <comment ref="B52" authorId="0" shapeId="0" xr:uid="{49800B2C-862D-4E8F-B690-BF19513FED67}">
      <text>
        <r>
          <rPr>
            <sz val="9"/>
            <color indexed="81"/>
            <rFont val="Tahoma"/>
            <family val="2"/>
          </rPr>
          <t>Valid values:
True
False</t>
        </r>
      </text>
    </comment>
    <comment ref="A57" authorId="0" shapeId="0" xr:uid="{1FA019AE-802E-4210-8DB6-8CCEA8BFD3E9}">
      <text>
        <r>
          <rPr>
            <sz val="9"/>
            <color indexed="81"/>
            <rFont val="Tahoma"/>
            <family val="2"/>
          </rPr>
          <t>Compliance users only</t>
        </r>
      </text>
    </comment>
    <comment ref="B58" authorId="0" shapeId="0" xr:uid="{AB738489-C595-45DA-AD0A-C1276F132E13}">
      <text>
        <r>
          <rPr>
            <sz val="9"/>
            <color indexed="81"/>
            <rFont val="Tahoma"/>
            <family val="2"/>
          </rPr>
          <t>Valid values:
Yes
No
Unknown</t>
        </r>
      </text>
    </comment>
    <comment ref="C58" authorId="0" shapeId="0" xr:uid="{7594841D-F01F-4424-BE4E-1DC98F86D542}">
      <text>
        <r>
          <rPr>
            <sz val="9"/>
            <color indexed="81"/>
            <rFont val="Tahoma"/>
            <family val="2"/>
          </rPr>
          <t>Valid values:
Yes
No</t>
        </r>
      </text>
    </comment>
    <comment ref="D58" authorId="0" shapeId="0" xr:uid="{AC3A41F9-457B-4E4C-A088-8F6DE0CF8413}">
      <text>
        <r>
          <rPr>
            <sz val="9"/>
            <color indexed="81"/>
            <rFont val="Tahoma"/>
            <family val="2"/>
          </rPr>
          <t>Valid values:
Yes
No
Unknown</t>
        </r>
      </text>
    </comment>
    <comment ref="F58" authorId="0" shapeId="0" xr:uid="{EEA027AF-A1B0-471F-8176-10367E7E7526}">
      <text>
        <r>
          <rPr>
            <sz val="9"/>
            <color indexed="81"/>
            <rFont val="Tahoma"/>
            <family val="2"/>
          </rPr>
          <t>Valid values:
Meets Without Exemptions
Meets With Exemptions
Fails to Meet Requirements
Unknown
No Response</t>
        </r>
      </text>
    </comment>
    <comment ref="G58" authorId="1" shapeId="0" xr:uid="{2967CE3E-0980-4820-A3D6-99341719E8EE}">
      <text>
        <r>
          <rPr>
            <sz val="9"/>
            <color indexed="81"/>
            <rFont val="Tahoma"/>
            <family val="2"/>
          </rPr>
          <t>Valid values:
Yes
No</t>
        </r>
      </text>
    </comment>
    <comment ref="H58" authorId="1" shapeId="0" xr:uid="{9BBE6854-80A7-481F-A50D-B3CE78F84E4A}">
      <text>
        <r>
          <rPr>
            <sz val="9"/>
            <color indexed="81"/>
            <rFont val="Tahoma"/>
            <family val="2"/>
          </rPr>
          <t>Valid values:
Yes
No</t>
        </r>
      </text>
    </comment>
    <comment ref="I58" authorId="1" shapeId="0" xr:uid="{8F6AF5FE-C525-4628-8689-B23EFE98B931}">
      <text>
        <r>
          <rPr>
            <sz val="9"/>
            <color indexed="81"/>
            <rFont val="Tahoma"/>
            <family val="2"/>
          </rPr>
          <t>Valid values:
Substance
Polymer
Mixture
Article
Complex Object</t>
        </r>
      </text>
    </comment>
    <comment ref="J58" authorId="1" shapeId="0" xr:uid="{D7886DD6-5B70-4454-981F-1363AF7D9AB9}">
      <text>
        <r>
          <rPr>
            <sz val="9"/>
            <color indexed="81"/>
            <rFont val="Tahoma"/>
            <family val="2"/>
          </rPr>
          <t>Valid values:
Any combination of the following values separated by ,
Fluorine
Chlorine
Bromine
Iodine
No organohalogens were intentionally added
Unknown</t>
        </r>
      </text>
    </comment>
    <comment ref="K58" authorId="1" shapeId="0" xr:uid="{B7D960EA-667A-4458-B04F-355DE6481D5C}">
      <text>
        <r>
          <rPr>
            <sz val="9"/>
            <color indexed="81"/>
            <rFont val="Tahoma"/>
            <family val="2"/>
          </rPr>
          <t>Valid values:
Yes
No</t>
        </r>
      </text>
    </comment>
    <comment ref="L58" authorId="1" shapeId="0" xr:uid="{A3924AFC-30FD-4444-937C-EBCC13A45671}">
      <text>
        <r>
          <rPr>
            <sz val="9"/>
            <color indexed="81"/>
            <rFont val="Tahoma"/>
            <family val="2"/>
          </rPr>
          <t>Valid values:
The product is intended to be used exclusively in food, drug or cosmetic applications regulated by the FDA and therefore exempt from TSCA
The product is intended to be used exclusively as a pesticide or biocide regulated under FIFRA and is therefore exempt from TSCA.
The product a nuclear material, tobacco or firearm and is therefore exempt from TSCA.
The product is a manufactured item ("https://www.ecfr.gov/current/title-40/chapter-I/subchapter-R/part-704/subpart-A/section-704.3") and is therefore exempt from TSCA inventory listing.
All substances in the product (except impurities, naturally occuring substances) are listed on the active portion of the TSCA Inventory.
All substances in the product are listed on the active portion of the TSCA Inventory or are exempt from listing with an approved low volume exemption (LVE or LoREX) or notified Polymer Exemption.
All substances in the product are NOT listed on the active portion of the TSCA Inventory.</t>
        </r>
      </text>
    </comment>
    <comment ref="B59" authorId="0" shapeId="0" xr:uid="{1133B48A-EDED-43C2-81D7-7CA73BABC13C}">
      <text>
        <r>
          <rPr>
            <sz val="9"/>
            <color indexed="81"/>
            <rFont val="Tahoma"/>
            <family val="2"/>
          </rPr>
          <t>Valid values:
Yes
No
Unknown</t>
        </r>
      </text>
    </comment>
    <comment ref="C59" authorId="0" shapeId="0" xr:uid="{DD9D19D1-5B37-486A-8102-BE81CD0012C2}">
      <text>
        <r>
          <rPr>
            <sz val="9"/>
            <color indexed="81"/>
            <rFont val="Tahoma"/>
            <family val="2"/>
          </rPr>
          <t>Valid values:
Yes
No</t>
        </r>
      </text>
    </comment>
    <comment ref="F59" authorId="0" shapeId="0" xr:uid="{D4F05212-9EF4-4E91-85E9-FFAEB1ADD811}">
      <text>
        <r>
          <rPr>
            <sz val="9"/>
            <color indexed="81"/>
            <rFont val="Tahoma"/>
            <family val="2"/>
          </rPr>
          <t>Valid values:
Any combination of the following values separated by ,
1
1(a)
1(b)
1(c)
1(d)
1(e)
1(f)
2(a)
2(a)(1)
2(a)(2)
2(a)(3)
2(a)(4)
2(a)(5)
2(b)
2(b)(1)
2(b)(2)
2(b)(3)
2(b)(4)
3
3(a)
3(b)
3(c)
4(a)
4(b)
4(b)-I
4(b)-II
4(b)-III
4(c)
4(c)-I
4(c)-II
4(c)-III
4(d)
4(e)
4(f)
5(a)
5(b)
6(a)
6(b)
6(c)
7(c)-I
7(c)-II
7(c)-III
8(a)
8(b)
9
9(b)
11(a)
11(b)
12
13(a)
13(b)
14
15
16
17
18(a)
18(b)
19
20
21
23
24
25
26
27
29
30
31
32
33
34
36
37
38
39
40
41</t>
        </r>
      </text>
    </comment>
    <comment ref="G59" authorId="1" shapeId="0" xr:uid="{D5F7785B-1049-4CA7-96C5-DAC330C1019D}">
      <text>
        <r>
          <rPr>
            <sz val="9"/>
            <color indexed="81"/>
            <rFont val="Tahoma"/>
            <family val="2"/>
          </rPr>
          <t>Valid values:
Yes
No</t>
        </r>
      </text>
    </comment>
    <comment ref="I59" authorId="1" shapeId="0" xr:uid="{4163BB49-4275-43B5-8D31-030020A47E17}">
      <text>
        <r>
          <rPr>
            <sz val="9"/>
            <color indexed="81"/>
            <rFont val="Tahoma"/>
            <family val="2"/>
          </rPr>
          <t>Valid values:
Yes
No
Exempt from Registration</t>
        </r>
      </text>
    </comment>
    <comment ref="J59" authorId="1" shapeId="0" xr:uid="{659529DD-DEA0-49E1-B9E6-565E9DE13937}">
      <text>
        <r>
          <rPr>
            <sz val="9"/>
            <color indexed="81"/>
            <rFont val="Tahoma"/>
            <family val="2"/>
          </rPr>
          <t>Valid values:
Any combination of the following values separated by ,
Fluorine
Chlorine
Bromine
Iodine
No organohalogens were unintentionally added
Unknown</t>
        </r>
      </text>
    </comment>
    <comment ref="K59" authorId="1" shapeId="0" xr:uid="{A821ECD5-96D0-4400-948D-6A7B6CF2AF02}">
      <text>
        <r>
          <rPr>
            <sz val="9"/>
            <color indexed="81"/>
            <rFont val="Tahoma"/>
            <family val="2"/>
          </rPr>
          <t>Valid values:
Yes
No</t>
        </r>
      </text>
    </comment>
    <comment ref="B60" authorId="0" shapeId="0" xr:uid="{84773AD0-10DE-4151-B64E-9B4B71606369}">
      <text>
        <r>
          <rPr>
            <sz val="9"/>
            <color indexed="81"/>
            <rFont val="Tahoma"/>
            <family val="2"/>
          </rPr>
          <t>Valid values:
Yes
No
Unknown</t>
        </r>
      </text>
    </comment>
    <comment ref="C60" authorId="0" shapeId="0" xr:uid="{471BA432-7A6C-4487-B83F-0AAF66812A51}">
      <text>
        <r>
          <rPr>
            <sz val="9"/>
            <color indexed="81"/>
            <rFont val="Tahoma"/>
            <family val="2"/>
          </rPr>
          <t>Valid values:
Yes
No</t>
        </r>
      </text>
    </comment>
    <comment ref="D60" authorId="2" shapeId="0" xr:uid="{A5397EC2-7A73-411F-AC6A-9F6ABC65524D}">
      <text>
        <r>
          <rPr>
            <sz val="9"/>
            <color indexed="81"/>
            <rFont val="Tahoma"/>
            <family val="2"/>
          </rPr>
          <t>Valid values:
TRUE
FALSE</t>
        </r>
      </text>
    </comment>
    <comment ref="I60" authorId="1" shapeId="0" xr:uid="{B0CCA55F-DA3C-462E-B19F-7EC9DA9442F2}">
      <text>
        <r>
          <rPr>
            <sz val="9"/>
            <color indexed="81"/>
            <rFont val="Tahoma"/>
            <family val="2"/>
          </rPr>
          <t>Valid values:
Below 1 tonne per annum threshold
Substance is a polymer
Substance is recovered
Annex IV substance
Annex V substance
Other</t>
        </r>
      </text>
    </comment>
    <comment ref="J60" authorId="1" shapeId="0" xr:uid="{12C5371F-DB78-48FD-8F13-3BD4FC30ED59}">
      <text>
        <r>
          <rPr>
            <sz val="9"/>
            <color indexed="81"/>
            <rFont val="Tahoma"/>
            <family val="2"/>
          </rPr>
          <t>Valid values format: [["text","text","text","text"]]
where next text values are matching successively: [ "EC Number\/CASRNs", "Weight %", "Intentionally Added", "Unintentionally Added" ]</t>
        </r>
      </text>
    </comment>
    <comment ref="L60" authorId="1" shapeId="0" xr:uid="{0ED68381-7825-439F-8BE7-7B3D4FA27540}">
      <text>
        <r>
          <rPr>
            <sz val="9"/>
            <color indexed="81"/>
            <rFont val="Tahoma"/>
            <family val="2"/>
          </rPr>
          <t>Valid values:
TRUE
FALSE</t>
        </r>
      </text>
    </comment>
    <comment ref="C61" authorId="0" shapeId="0" xr:uid="{70A7588E-77E1-4AB5-9EBD-4615E83DD5F6}">
      <text>
        <r>
          <rPr>
            <sz val="9"/>
            <color indexed="81"/>
            <rFont val="Tahoma"/>
            <family val="2"/>
          </rPr>
          <t>Valid values:
Yes
No</t>
        </r>
      </text>
    </comment>
    <comment ref="F61" authorId="2" shapeId="0" xr:uid="{6900CA17-07B5-4FB9-8138-5D76C1BDBEA0}">
      <text>
        <r>
          <rPr>
            <sz val="9"/>
            <color indexed="81"/>
            <rFont val="Tahoma"/>
            <family val="2"/>
          </rPr>
          <t>Valid values:
TRUE
FALSE</t>
        </r>
      </text>
    </comment>
    <comment ref="H61" authorId="1" shapeId="0" xr:uid="{05480396-B43A-49C4-B427-95FD9466B48B}">
      <text>
        <r>
          <rPr>
            <sz val="9"/>
            <color indexed="81"/>
            <rFont val="Tahoma"/>
            <family val="2"/>
          </rPr>
          <t>Valid values:
TRUE
FALSE</t>
        </r>
      </text>
    </comment>
    <comment ref="I61" authorId="1" shapeId="0" xr:uid="{E884FE17-DE40-4C7F-B93F-496049278551}">
      <text>
        <r>
          <rPr>
            <sz val="9"/>
            <color indexed="81"/>
            <rFont val="Tahoma"/>
            <family val="2"/>
          </rPr>
          <t>Valid values:
Yes
No</t>
        </r>
      </text>
    </comment>
    <comment ref="J61" authorId="1" shapeId="0" xr:uid="{38541933-9848-4605-AF7B-84F38B5C9B8A}">
      <text>
        <r>
          <rPr>
            <sz val="9"/>
            <color indexed="81"/>
            <rFont val="Tahoma"/>
            <family val="2"/>
          </rPr>
          <t>Valid values:
Tested
Estimated</t>
        </r>
      </text>
    </comment>
    <comment ref="B62" authorId="1" shapeId="0" xr:uid="{CA2C3EBA-85A6-433A-BF9F-66D204D3C491}">
      <text>
        <r>
          <rPr>
            <sz val="9"/>
            <color indexed="81"/>
            <rFont val="Tahoma"/>
            <family val="2"/>
          </rPr>
          <t>Valid values:
Product Does Not Contain Prop 65 Substances
All Prop 65 Substance Meet Safe Harbor Limits
Substances are fully encapsulated in the product
Products are not intended for sale in California
Product warning not required as part of settled litigation
Other</t>
        </r>
      </text>
    </comment>
    <comment ref="C62" authorId="0" shapeId="0" xr:uid="{426193A0-B7D1-432B-97DE-453AF331798B}">
      <text>
        <r>
          <rPr>
            <sz val="9"/>
            <color indexed="81"/>
            <rFont val="Tahoma"/>
            <family val="2"/>
          </rPr>
          <t>Valid values:
100%
&gt;90%
&gt;75%
&gt;50%
&lt;50%
None</t>
        </r>
      </text>
    </comment>
    <comment ref="G62" authorId="1" shapeId="0" xr:uid="{F467AD49-C402-4830-9554-04FFBCFA18F0}">
      <text>
        <r>
          <rPr>
            <sz val="9"/>
            <color indexed="81"/>
            <rFont val="Tahoma"/>
            <family val="2"/>
          </rPr>
          <t>Valid values:
TRUE
FALSE</t>
        </r>
      </text>
    </comment>
    <comment ref="K62" authorId="1" shapeId="0" xr:uid="{A0E5194F-9CC1-4D75-89F0-4368FA511FA7}">
      <text>
        <r>
          <rPr>
            <sz val="9"/>
            <color indexed="81"/>
            <rFont val="Tahoma"/>
            <family val="2"/>
          </rPr>
          <t>Valid values:
TRUE
FALSE</t>
        </r>
      </text>
    </comment>
    <comment ref="C63" authorId="0" shapeId="0" xr:uid="{F2CF12CE-E62F-4CBB-A2BE-548AC3980162}">
      <text>
        <r>
          <rPr>
            <sz val="9"/>
            <color indexed="81"/>
            <rFont val="Tahoma"/>
            <family val="2"/>
          </rPr>
          <t>Valid values:
True
False</t>
        </r>
      </text>
    </comment>
    <comment ref="J64" authorId="1" shapeId="0" xr:uid="{CE803B44-8968-4E26-AA08-5CDE80E4D24B}">
      <text>
        <r>
          <rPr>
            <sz val="9"/>
            <color indexed="81"/>
            <rFont val="Tahoma"/>
            <family val="2"/>
          </rPr>
          <t>Valid values:
Any combination of the following values separated by ,
Non-stick
Electric insulation
Flame retardant
Thermal stability\/heat resistance
Chemical resistant
Water repellent
Anti-fogging
Oil and stain-repellent
Fluorination (a treatment to make packaging more stable, frequently used for food packaging and pesticides)
Chrome plating
Easier to apply (a property to make cosmetics or personal care goods easier to apply or to add desired texture and sheen)</t>
        </r>
      </text>
    </comment>
    <comment ref="B65" authorId="2" shapeId="0" xr:uid="{4806F14A-CDCD-404B-802F-179163824751}">
      <text>
        <r>
          <rPr>
            <sz val="9"/>
            <color indexed="81"/>
            <rFont val="Tahoma"/>
            <family val="2"/>
          </rPr>
          <t>Valid values:
TRUE
FALSE</t>
        </r>
      </text>
    </comment>
    <comment ref="C65" authorId="2" shapeId="0" xr:uid="{BA0F9065-3AA5-4ADE-8ED6-6C71B316AC5A}">
      <text>
        <r>
          <rPr>
            <sz val="9"/>
            <color indexed="81"/>
            <rFont val="Tahoma"/>
            <family val="2"/>
          </rPr>
          <t>Valid values:
TRUE
FALSE</t>
        </r>
      </text>
    </comment>
    <comment ref="J65" authorId="1" shapeId="0" xr:uid="{11B3EFFC-B3A1-443B-B1F6-55043A4CDD9D}">
      <text>
        <r>
          <rPr>
            <sz val="9"/>
            <color indexed="81"/>
            <rFont val="Tahoma"/>
            <family val="2"/>
          </rPr>
          <t xml:space="preserve">Valid values:
Any combination of the following values separated by ,
PTFE (polytetrafluoroethylene) such as Teflon™, Hyflon®, Fluon®, or Polyflon® resins
ePTFE (expanded PTFE) such as Gore-Tex®, Virtek®, or Durapore® membranes
PVDF and PVF (polyvinylidene or polyvinyl fluoride) such as Kynar®, Solef®, Hylar®, or Tedlar® resins
PCTFE (polychlorotrifluoroethylene) such as Neoflon®, Kel-F®, or Voltalef® resins
PFA (perfluoroalkoxy) and FEP (fluorinated ethylene-propylene) such as Neoflon GP® or Everflon® FEP resins
Fluorosilicones such as FSR, FVMQ, or Silastic™ compounds
Fluoroelastomers such as FKM rubber, FPM, Viton®, Kalrez®, AFLAS®, Vespel®, or Fluonox® compounds
Fluorinated fluids and lubricants such as Fluorinert™, ElectroCool®, Denum®, Fomblin®, or Krytox™ products
Stain-repellent fabric coatings such as Scotchgard™ products
</t>
        </r>
      </text>
    </comment>
    <comment ref="I66" authorId="1" shapeId="0" xr:uid="{0F913DCB-9D6E-4488-9F1A-6EA84B0F6BA8}">
      <text>
        <r>
          <rPr>
            <sz val="9"/>
            <color indexed="81"/>
            <rFont val="Tahoma"/>
            <family val="2"/>
          </rPr>
          <t>Valid values:
Yes
No</t>
        </r>
      </text>
    </comment>
    <comment ref="I67" authorId="1" shapeId="0" xr:uid="{D658D56D-3B5C-4D36-82AD-338B129EBF82}">
      <text>
        <r>
          <rPr>
            <sz val="9"/>
            <color indexed="81"/>
            <rFont val="Tahoma"/>
            <family val="2"/>
          </rPr>
          <t>Valid values:
Yes
No</t>
        </r>
      </text>
    </comment>
    <comment ref="J67" authorId="1" shapeId="0" xr:uid="{8BAAE05A-B788-4CAD-AAD7-08A849225768}">
      <text>
        <r>
          <rPr>
            <sz val="9"/>
            <color indexed="81"/>
            <rFont val="Tahoma"/>
            <family val="2"/>
          </rPr>
          <t>Valid values:
TRUE
FALSE</t>
        </r>
      </text>
    </comment>
    <comment ref="I68" authorId="1" shapeId="0" xr:uid="{6D547204-6BC0-4A13-9C15-BAFA285B44E0}">
      <text>
        <r>
          <rPr>
            <sz val="9"/>
            <color indexed="81"/>
            <rFont val="Tahoma"/>
            <family val="2"/>
          </rPr>
          <t>Valid values:
Yes
No</t>
        </r>
      </text>
    </comment>
    <comment ref="A69" authorId="0" shapeId="0" xr:uid="{FF11DD99-A2BF-4AB7-BE47-A93B05B8122E}">
      <text>
        <r>
          <rPr>
            <sz val="9"/>
            <color indexed="81"/>
            <rFont val="Tahoma"/>
            <family val="2"/>
          </rPr>
          <t>Valid values:
Meets Without Exemptions
Meets With Exemptions
Fails to Meet Requirements
Unknown
No Response</t>
        </r>
      </text>
    </comment>
    <comment ref="B69" authorId="0" shapeId="0" xr:uid="{602B4EA9-E970-4F37-A460-A91794679995}">
      <text>
        <r>
          <rPr>
            <sz val="9"/>
            <color indexed="81"/>
            <rFont val="Tahoma"/>
            <family val="2"/>
          </rPr>
          <t>Valid values:
Biological Nutrient Materials
Children's Products
Formulated Consumer Products
Textile Materials
Apparel &amp; Jewelry Products
Other</t>
        </r>
      </text>
    </comment>
    <comment ref="I69" authorId="1" shapeId="0" xr:uid="{4D6E5B7F-B98D-4C08-9E02-2D16607338D5}">
      <text>
        <r>
          <rPr>
            <sz val="9"/>
            <color indexed="81"/>
            <rFont val="Tahoma"/>
            <family val="2"/>
          </rPr>
          <t>Valid values:
Yes
No</t>
        </r>
      </text>
    </comment>
    <comment ref="A70" authorId="0" shapeId="0" xr:uid="{DB6CD669-C925-46E3-8AAF-A13381CBD66D}">
      <text>
        <r>
          <rPr>
            <sz val="9"/>
            <color indexed="81"/>
            <rFont val="Tahoma"/>
            <family val="2"/>
          </rPr>
          <t>Valid values:
Any combination of the following values separated by ,
1
1(a)
1(b)
1(c)
1(d)
1(e)
1(f)
2(a)
2(a)(1)
2(a)(2)
2(a)(3)
2(a)(4)
2(a)(5)
2(b)
2(b)(1)
2(b)(2)
2(b)(3)
2(b)(4)
3
3(a)
3(b)
3(c)
4(a)
4(b)
4(b)-I
4(b)-II
4(b)-III
4(c)
4(c)-I
4(c)-II
4(c)-III
4(d)
4(e)
4(f)
5(a)
5(b)
6(a)
6(b)
6(c)
7(c)-I
7(c)-II
7(c)-III
8(a)
8(b)
9
9(b)
11(a)
11(b)
12
13(a)
13(b)
14
15
16
17
18(a)
18(b)
19
20
21
23
24
25
26
27
29
30
31
32
33
34
36
37
38
39
40
41</t>
        </r>
      </text>
    </comment>
    <comment ref="B71" authorId="0" shapeId="0" xr:uid="{AEE69144-E9AB-471B-824D-B1E026CA56C2}">
      <text>
        <r>
          <rPr>
            <sz val="9"/>
            <color indexed="81"/>
            <rFont val="Tahoma"/>
            <family val="2"/>
          </rPr>
          <t>Valid values:
Yes
No</t>
        </r>
      </text>
    </comment>
    <comment ref="A72" authorId="2" shapeId="0" xr:uid="{ABF75AF4-2E6C-44C4-8AE5-A5062A65E2DC}">
      <text>
        <r>
          <rPr>
            <sz val="9"/>
            <color indexed="81"/>
            <rFont val="Tahoma"/>
            <family val="2"/>
          </rPr>
          <t>Valid values:
TRUE
FALSE</t>
        </r>
      </text>
    </comment>
    <comment ref="B72" authorId="0" shapeId="0" xr:uid="{434459B7-3423-432D-A01D-B1384E51CE5C}">
      <text>
        <r>
          <rPr>
            <sz val="9"/>
            <color indexed="81"/>
            <rFont val="Tahoma"/>
            <family val="2"/>
          </rPr>
          <t>Valid values:
Yes
No</t>
        </r>
      </text>
    </comment>
    <comment ref="I72" authorId="1" shapeId="0" xr:uid="{CF5C418D-ACB3-4F9A-8C19-03388C4C277C}">
      <text>
        <r>
          <rPr>
            <sz val="9"/>
            <color indexed="81"/>
            <rFont val="Tahoma"/>
            <family val="2"/>
          </rPr>
          <t>Valid values:
TRUE
FALSE</t>
        </r>
      </text>
    </comment>
    <comment ref="C78" authorId="0" shapeId="0" xr:uid="{3E36316C-597E-43EE-875B-A039BB25B71C}">
      <text>
        <r>
          <rPr>
            <sz val="9"/>
            <color indexed="81"/>
            <rFont val="Tahoma"/>
            <family val="2"/>
          </rPr>
          <t>Valid values:
Published CDPH Compliance Documentation
Recognized Non-Emitting Materials
Laboratory Testing Underway
Alternative Standard
CDPH Unknown
CDPH Non-Compliant</t>
        </r>
      </text>
    </comment>
    <comment ref="C79" authorId="0" shapeId="0" xr:uid="{89643582-3141-412B-A2A3-CAE704969253}">
      <text>
        <r>
          <rPr>
            <sz val="9"/>
            <color indexed="81"/>
            <rFont val="Tahoma"/>
            <family val="2"/>
          </rPr>
          <t>Valid values:
Stone
Ceramic
Powder-Coated Metals
Plated or Anodized Metal
Bare Metal
Glass
Concrete
Clay Brick
Unfinished or Untreated Solid Wood</t>
        </r>
      </text>
    </comment>
    <comment ref="C80" authorId="0" shapeId="0" xr:uid="{033C5E11-37DA-4E8D-8CA3-6FDE8C3FBA0D}">
      <text>
        <r>
          <rPr>
            <sz val="9"/>
            <color indexed="81"/>
            <rFont val="Tahoma"/>
            <family val="2"/>
          </rPr>
          <t>Valid values:
Green Label Plus
Green Label
Floor Score
Greenguard Gold
Greenguard UL 2818
Greenguard UL 2821
CHPS
NFS 332
SCS Indoor Advantage Gold</t>
        </r>
      </text>
    </comment>
    <comment ref="C81" authorId="0" shapeId="0" xr:uid="{A4D76AB2-7A14-46BD-9078-5E936F024B27}">
      <text>
        <r>
          <rPr>
            <sz val="9"/>
            <color indexed="81"/>
            <rFont val="Tahoma"/>
            <family val="2"/>
          </rPr>
          <t>Valid values:
Yes
No</t>
        </r>
      </text>
    </comment>
    <comment ref="C82" authorId="0" shapeId="0" xr:uid="{F58488C4-53BC-4097-81DE-0B69EBFBC5F2}">
      <text>
        <r>
          <rPr>
            <sz val="9"/>
            <color indexed="81"/>
            <rFont val="Tahoma"/>
            <family val="2"/>
          </rPr>
          <t>Valid values:
Yes
No</t>
        </r>
      </text>
    </comment>
    <comment ref="B83" authorId="0" shapeId="0" xr:uid="{A987DE24-911A-455F-A39E-2E533BA35509}">
      <text>
        <r>
          <rPr>
            <sz val="9"/>
            <color indexed="81"/>
            <rFont val="Tahoma"/>
            <family val="2"/>
          </rPr>
          <t>Valid values:
Yes
No</t>
        </r>
      </text>
    </comment>
    <comment ref="C83" authorId="0" shapeId="0" xr:uid="{C79E690E-1B2B-4480-95B5-619210FB8A15}">
      <text>
        <r>
          <rPr>
            <sz val="9"/>
            <color indexed="81"/>
            <rFont val="Tahoma"/>
            <family val="2"/>
          </rPr>
          <t>Valid values:
Yes
No</t>
        </r>
      </text>
    </comment>
    <comment ref="C84" authorId="0" shapeId="0" xr:uid="{B0BAEC30-3F8B-40AD-9B24-52A79985E5EB}">
      <text>
        <r>
          <rPr>
            <sz val="9"/>
            <color indexed="81"/>
            <rFont val="Tahoma"/>
            <family val="2"/>
          </rPr>
          <t>Valid values:
Yes
No</t>
        </r>
      </text>
    </comment>
  </commentList>
</comments>
</file>

<file path=xl/sharedStrings.xml><?xml version="1.0" encoding="utf-8"?>
<sst xmlns="http://schemas.openxmlformats.org/spreadsheetml/2006/main" count="299" uniqueCount="208">
  <si>
    <t>Name</t>
  </si>
  <si>
    <t>Description</t>
  </si>
  <si>
    <t>Supplier</t>
  </si>
  <si>
    <t>Plant</t>
  </si>
  <si>
    <t>Page Name</t>
  </si>
  <si>
    <t>Field Name</t>
  </si>
  <si>
    <t>Field Value</t>
  </si>
  <si>
    <t>Example Product</t>
  </si>
  <si>
    <t>General</t>
  </si>
  <si>
    <t>Manufacturer Name</t>
  </si>
  <si>
    <t>Example Company</t>
  </si>
  <si>
    <t>HPD Fields</t>
  </si>
  <si>
    <t>Manufacturer Address</t>
  </si>
  <si>
    <t>123 Example Street</t>
  </si>
  <si>
    <t>Custom Metadata Page</t>
  </si>
  <si>
    <t>Custom Metadata Field</t>
  </si>
  <si>
    <t>Example information</t>
  </si>
  <si>
    <t>Example Material</t>
  </si>
  <si>
    <t>Part 1234</t>
  </si>
  <si>
    <t>My First Supplier</t>
  </si>
  <si>
    <t>Metal Plant</t>
  </si>
  <si>
    <t>520 Sample Road</t>
  </si>
  <si>
    <t>Summary Data Library Import</t>
  </si>
  <si>
    <t>From the Products or Materials page, click the arrow next to the "New Product" button and select "Import Summary Data Library", then upload the file in the popup window</t>
  </si>
  <si>
    <t>Summary Data Page Names</t>
  </si>
  <si>
    <t>Declare Template Fields</t>
  </si>
  <si>
    <t>LEED v4 Disclosure and Optimization Fields</t>
  </si>
  <si>
    <t>REACH/RoHS Statement Fields</t>
  </si>
  <si>
    <t>California Proposition 65</t>
  </si>
  <si>
    <t>Conflict Minerals</t>
  </si>
  <si>
    <t>REACH Compliance</t>
  </si>
  <si>
    <t>RoHS Compliance</t>
  </si>
  <si>
    <t>Cradle to Cradle</t>
  </si>
  <si>
    <t>Red2Green</t>
  </si>
  <si>
    <t>Field Names</t>
  </si>
  <si>
    <t>Product Residuals and Impurities Status</t>
  </si>
  <si>
    <t>Product Name (Declare)</t>
  </si>
  <si>
    <t>LEED Report Introduction</t>
  </si>
  <si>
    <t>Residuals and Impurities Notes</t>
  </si>
  <si>
    <t>Number of Final Assembly Locations</t>
  </si>
  <si>
    <t>Manufacturer Address 2</t>
  </si>
  <si>
    <t>Life Expectancy (Years)</t>
  </si>
  <si>
    <t>Manufacturer City</t>
  </si>
  <si>
    <t>Nanomaterial</t>
  </si>
  <si>
    <t>Manufacturer State/Province</t>
  </si>
  <si>
    <t>Declaration Status</t>
  </si>
  <si>
    <t>Manufacturer Postal Code</t>
  </si>
  <si>
    <t>VOC Content</t>
  </si>
  <si>
    <t>Manufacturer Country</t>
  </si>
  <si>
    <t>VOC Emissions</t>
  </si>
  <si>
    <t>Manufacturer Phone</t>
  </si>
  <si>
    <t>Inventory and Screening Notes</t>
  </si>
  <si>
    <t>CSI Master Format</t>
  </si>
  <si>
    <t>Manufacturer Email</t>
  </si>
  <si>
    <t>Material (g/l)</t>
  </si>
  <si>
    <t>CSI Master Format Subdivision</t>
  </si>
  <si>
    <t>CSI Division (Classification)</t>
  </si>
  <si>
    <t>Does the product contain exempt VOCs?</t>
  </si>
  <si>
    <t>End of Life: Take Back Program</t>
  </si>
  <si>
    <t>Reporting Cutoff (ppm)</t>
  </si>
  <si>
    <t>Regulatory (g/l)</t>
  </si>
  <si>
    <t>End of Life: Take Back Program Name</t>
  </si>
  <si>
    <t>Product URL</t>
  </si>
  <si>
    <t>Are ultra-low VOC tints available?</t>
  </si>
  <si>
    <t>End of Life: Salvageable/Reusable in its Entirety</t>
  </si>
  <si>
    <t>Product Description</t>
  </si>
  <si>
    <t>Consistency with other Programs</t>
  </si>
  <si>
    <t>End of Life: Recyclable</t>
  </si>
  <si>
    <t>% Pre-Consumer Recycled Content</t>
  </si>
  <si>
    <t>Self-Published or Third Party Verified</t>
  </si>
  <si>
    <t>End of Life: Recyclable Percentage</t>
  </si>
  <si>
    <t>% Post-Consumer Recycled Content</t>
  </si>
  <si>
    <t>Preparer</t>
  </si>
  <si>
    <t>End of Life: Landfill</t>
  </si>
  <si>
    <t>% Total Recycled Content</t>
  </si>
  <si>
    <t>Verifier</t>
  </si>
  <si>
    <t>End of Life: Landfill Percentage</t>
  </si>
  <si>
    <t>MSDS Issue Date</t>
  </si>
  <si>
    <t>Verification Number</t>
  </si>
  <si>
    <t>End of Life: Portions Classified as Hazardous Waste</t>
  </si>
  <si>
    <t>Yearly Sales Volume (Units)</t>
  </si>
  <si>
    <t>Screening Date</t>
  </si>
  <si>
    <t>End of Life: Portions Classified as Hazardous Waste Percentage</t>
  </si>
  <si>
    <t>Reacted or Unreacted?</t>
  </si>
  <si>
    <t>General Notes</t>
  </si>
  <si>
    <t>End of Life: Biodegradable/Compostable</t>
  </si>
  <si>
    <t>End of Life: Biodegradable/Compostable Percentage</t>
  </si>
  <si>
    <t>Manufacturer Address Line 2</t>
  </si>
  <si>
    <t>Warranty</t>
  </si>
  <si>
    <t>Manufacturer Address City</t>
  </si>
  <si>
    <t>Manufacturer Address State</t>
  </si>
  <si>
    <t>Manufacturer Address Zip Code</t>
  </si>
  <si>
    <t>Manufacturer Address Country</t>
  </si>
  <si>
    <t>Manufacturer Contact Name</t>
  </si>
  <si>
    <t>Manufacturer Contact Title</t>
  </si>
  <si>
    <t>Manufacturer Contact Phone</t>
  </si>
  <si>
    <t>Manufacturer Contact Email</t>
  </si>
  <si>
    <t>Manufacturer Website</t>
  </si>
  <si>
    <t>HPD Published URL</t>
  </si>
  <si>
    <t>This Product is not liquid/wet applied</t>
  </si>
  <si>
    <t>Publisher Name</t>
  </si>
  <si>
    <t>Product/Material Contains Added 3TG</t>
  </si>
  <si>
    <t>Product Contains REACH SVHCs above the limits within the REACH Regulation</t>
  </si>
  <si>
    <t>Publisher Title</t>
  </si>
  <si>
    <t>3TG Remains in Product</t>
  </si>
  <si>
    <t>EU REACH Notes</t>
  </si>
  <si>
    <t>Custom Statement</t>
  </si>
  <si>
    <t>California Proposition 65 Notes</t>
  </si>
  <si>
    <t>3TG is Sourced From Covered Countries</t>
  </si>
  <si>
    <t>3TG is 100% Recycled</t>
  </si>
  <si>
    <t>Supplier 3TG Survey Response Rate</t>
  </si>
  <si>
    <t>All Smelters Identified</t>
  </si>
  <si>
    <t>Conflict Minerals Notes</t>
  </si>
  <si>
    <t>Product Meets EU RoHS Requirements</t>
  </si>
  <si>
    <t>Product Type</t>
  </si>
  <si>
    <t>Product RoHS Exemptions</t>
  </si>
  <si>
    <t>Primary Use of Product</t>
  </si>
  <si>
    <t>EU RoHS Notes</t>
  </si>
  <si>
    <t>Is this an intermediate product?</t>
  </si>
  <si>
    <t>Is this a consumer product?</t>
  </si>
  <si>
    <t>Applicant Name</t>
  </si>
  <si>
    <t>Applicant Contact Name</t>
  </si>
  <si>
    <t>Applicant Contact Title</t>
  </si>
  <si>
    <t>Applicant Contact Email</t>
  </si>
  <si>
    <t>Applicant Contact Phone Number</t>
  </si>
  <si>
    <t>Manufacturer Contact Phone Number</t>
  </si>
  <si>
    <t>Applicant same as manufacturer?</t>
  </si>
  <si>
    <t>This is a product</t>
  </si>
  <si>
    <t>This is a material</t>
  </si>
  <si>
    <t>Is this product pursuing Declare Third Party Verification?</t>
  </si>
  <si>
    <t>Assessor Name</t>
  </si>
  <si>
    <t>Is this a site installed, wet applied product (interior or exterior application)?</t>
  </si>
  <si>
    <t>Is this an interior product (defined as installed inside a building's weather proofing membrane) with the potential to emit as defined by CDPH 01350?</t>
  </si>
  <si>
    <t>Has this product undergone chamber testing by an accredited lab?</t>
  </si>
  <si>
    <t>Is this a wood containing product?</t>
  </si>
  <si>
    <t>REACH SVHC Candidate List &amp; SCIP Compliance</t>
  </si>
  <si>
    <t>Compliance Report Fields</t>
  </si>
  <si>
    <t>Conflict Minerals Response Reference Date</t>
  </si>
  <si>
    <t>Conflict Minerals Regulation is Applicable to this Product/Material</t>
  </si>
  <si>
    <t>California Proposition 65 Response Reference Date</t>
  </si>
  <si>
    <t>California Proposition 65 Regulation is Applicable to this Product/Material</t>
  </si>
  <si>
    <t>EU REACH SVHC Candidate List Response Reference Date</t>
  </si>
  <si>
    <t>EU REACH SVHC Candidate List &amp; SCIP Regulations are Applicable to this Product/Material</t>
  </si>
  <si>
    <t>RoHS Response Reference Date</t>
  </si>
  <si>
    <t>RoHS Regulation is Applicable to this Product/Material</t>
  </si>
  <si>
    <t>Circularity</t>
  </si>
  <si>
    <t>Sustainability</t>
  </si>
  <si>
    <t>Packaging</t>
  </si>
  <si>
    <t>Instructions</t>
  </si>
  <si>
    <t>End of Life Contact</t>
  </si>
  <si>
    <t>kg CO2e</t>
  </si>
  <si>
    <t>Amount of water (usually liters)</t>
  </si>
  <si>
    <t>Water Use Scope</t>
  </si>
  <si>
    <t>Embodied Carbon Scope</t>
  </si>
  <si>
    <t>Embodied Carbon Product Unit</t>
  </si>
  <si>
    <t>Water Use Product Unit</t>
  </si>
  <si>
    <t>REACH Authorisation List Compliance</t>
  </si>
  <si>
    <t>Product Contains substances on the REACH Authorisation List</t>
  </si>
  <si>
    <t>EU REACH Authorisation List Notes</t>
  </si>
  <si>
    <t>EU REACH Authorisation List Regulation is Applicable to this Product/Material</t>
  </si>
  <si>
    <t>EU REACH Authorisation Response Reference Date</t>
  </si>
  <si>
    <t>EU REACH - CLP/PBT</t>
  </si>
  <si>
    <t>EU REACH - CoRAP</t>
  </si>
  <si>
    <t>EU REACH - Registration</t>
  </si>
  <si>
    <t>PFAS</t>
  </si>
  <si>
    <t>POPs</t>
  </si>
  <si>
    <t>TSCA Inventory Applicability and Status</t>
  </si>
  <si>
    <t>Product Can Be Sold In State of California</t>
  </si>
  <si>
    <t>Product Contains substances on the REACH Authorisation List Annex XIV</t>
  </si>
  <si>
    <t>Does the product contain any dangerous substances regarding CLP classification?</t>
  </si>
  <si>
    <t>Are any of the substances in this material on CoRAP?</t>
  </si>
  <si>
    <t>Is your product a substance, polymer, mixture, article or complex object following the relevant REACH definitions?</t>
  </si>
  <si>
    <t>Are any of the following organohalogens intentionally added?</t>
  </si>
  <si>
    <t>Does this product contain any Persistent Organic Pollutants (POPs) as listed in EU Regulation 2019/1021?</t>
  </si>
  <si>
    <t>TSCA Applicability and Inventory Status (Pick the one answer which best describes the TSCA inventory status)</t>
  </si>
  <si>
    <t>Product or Packaging Contains California Proposition 65 Substance</t>
  </si>
  <si>
    <t>Product Contains substances on the REACH Authorisation List Annex XVII</t>
  </si>
  <si>
    <t>Does the product contain any PBT or vPvB substances?</t>
  </si>
  <si>
    <t>Have you and/or your supplier registered the substance(s) contained in your product which requires registration?</t>
  </si>
  <si>
    <t>Are any of the following organohalogens unintentionally added?</t>
  </si>
  <si>
    <t>Does this product contain any substances listed under the Stockholm Convention on Persistent Organic Pollutants (POPs Treaty)?</t>
  </si>
  <si>
    <t>Product Requires California Proposition 65 Waring</t>
  </si>
  <si>
    <t>Product Contains substances on the Registry of Restriction Intentions</t>
  </si>
  <si>
    <t>Supplier Comments</t>
  </si>
  <si>
    <t>Reason for Exemption</t>
  </si>
  <si>
    <t>Please provide specific CASRN(s) or EC Numbers that contribute to total organic Fluorine content and respective Product % by weight of each CASRN. If CASRN is unknown, report total organic fluorine (TOF)</t>
  </si>
  <si>
    <t>Applicability</t>
  </si>
  <si>
    <t>California Proposition 65 Warning Text</t>
  </si>
  <si>
    <t>Do you have an only representative (OR) for the substances subject to registration in this product?</t>
  </si>
  <si>
    <t>Are the values provided from a testing source or are they estimated?</t>
  </si>
  <si>
    <t>Notes</t>
  </si>
  <si>
    <t>California Proposition 65 Reason for No Warning</t>
  </si>
  <si>
    <t>EU REACH Authorisation Supplier Comments</t>
  </si>
  <si>
    <t>OR Name</t>
  </si>
  <si>
    <t>Please attach test results</t>
  </si>
  <si>
    <t>OR Address</t>
  </si>
  <si>
    <t>Please attach any state notifications if applicable</t>
  </si>
  <si>
    <t>California Proposition 65 Supplier Comments</t>
  </si>
  <si>
    <t>OR Phone</t>
  </si>
  <si>
    <t>Does your product have any of these properties?</t>
  </si>
  <si>
    <t>OR Contact</t>
  </si>
  <si>
    <t>Are any of these chemicals used in, to treat, or during manufacturing?</t>
  </si>
  <si>
    <t>Will you as producer communicate all required information to your OR in order to meet their obligations as Only Representative under the REACH legislation, including but not limited to product/substance volumes on at least an annual basis and on the SDS?</t>
  </si>
  <si>
    <t>Will you instruct your OR to issue a Downstream User certificate at the end of every year?</t>
  </si>
  <si>
    <t>Are you willing to allow us to utilize your Only Representative if we import the product in the EU?</t>
  </si>
  <si>
    <t>Do you have a process to register additional tonnage/next volume band?</t>
  </si>
  <si>
    <t>Reference Date</t>
  </si>
  <si>
    <t>Registration: applies to substances on their ow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Calibri"/>
      <family val="2"/>
      <scheme val="minor"/>
    </font>
    <font>
      <sz val="9"/>
      <color indexed="81"/>
      <name val="Tahoma"/>
      <family val="2"/>
    </font>
    <font>
      <b/>
      <u/>
      <sz val="11"/>
      <color theme="1"/>
      <name val="Calibri"/>
      <family val="2"/>
      <scheme val="minor"/>
    </font>
    <font>
      <b/>
      <sz val="11"/>
      <color theme="1"/>
      <name val="Calibri"/>
      <family val="2"/>
      <scheme val="minor"/>
    </font>
    <font>
      <sz val="8"/>
      <color rgb="FF172B4D"/>
      <name val="Segoe UI"/>
      <family val="2"/>
    </font>
  </fonts>
  <fills count="4">
    <fill>
      <patternFill patternType="none"/>
    </fill>
    <fill>
      <patternFill patternType="gray125"/>
    </fill>
    <fill>
      <patternFill patternType="solid">
        <fgColor theme="4" tint="0.59999389629810485"/>
        <bgColor indexed="64"/>
      </patternFill>
    </fill>
    <fill>
      <patternFill patternType="solid">
        <fgColor theme="5" tint="0.59999389629810485"/>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10">
    <xf numFmtId="0" fontId="0" fillId="0" borderId="0" xfId="0"/>
    <xf numFmtId="0" fontId="0" fillId="2" borderId="1" xfId="0" applyFill="1" applyBorder="1" applyAlignment="1">
      <alignment horizontal="center" vertical="center"/>
    </xf>
    <xf numFmtId="0" fontId="0" fillId="3" borderId="1" xfId="0" applyFill="1" applyBorder="1" applyAlignment="1">
      <alignment horizontal="center" vertical="center"/>
    </xf>
    <xf numFmtId="0" fontId="2" fillId="0" borderId="0" xfId="0" applyFont="1"/>
    <xf numFmtId="0" fontId="3" fillId="0" borderId="0" xfId="0" applyFont="1"/>
    <xf numFmtId="0" fontId="0" fillId="0" borderId="0" xfId="0" applyFill="1" applyBorder="1"/>
    <xf numFmtId="0" fontId="3" fillId="0" borderId="0" xfId="0" applyFont="1" applyFill="1" applyBorder="1"/>
    <xf numFmtId="0" fontId="0" fillId="0" borderId="0" xfId="0" applyFont="1" applyFill="1" applyBorder="1"/>
    <xf numFmtId="0" fontId="4" fillId="0" borderId="0" xfId="0" applyFont="1"/>
    <xf numFmtId="0" fontId="0" fillId="0" borderId="0" xfId="0" applyBorder="1"/>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76200</xdr:colOff>
      <xdr:row>3</xdr:row>
      <xdr:rowOff>85725</xdr:rowOff>
    </xdr:from>
    <xdr:to>
      <xdr:col>8</xdr:col>
      <xdr:colOff>552450</xdr:colOff>
      <xdr:row>21</xdr:row>
      <xdr:rowOff>66675</xdr:rowOff>
    </xdr:to>
    <xdr:pic>
      <xdr:nvPicPr>
        <xdr:cNvPr id="2" name="Picture 1">
          <a:extLst>
            <a:ext uri="{FF2B5EF4-FFF2-40B4-BE49-F238E27FC236}">
              <a16:creationId xmlns:a16="http://schemas.microsoft.com/office/drawing/2014/main" id="{3016C613-2751-4AE4-AD90-A5978361E276}"/>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6200" y="628650"/>
          <a:ext cx="5353050" cy="32385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219075</xdr:colOff>
      <xdr:row>22</xdr:row>
      <xdr:rowOff>171450</xdr:rowOff>
    </xdr:from>
    <xdr:to>
      <xdr:col>10</xdr:col>
      <xdr:colOff>0</xdr:colOff>
      <xdr:row>42</xdr:row>
      <xdr:rowOff>152400</xdr:rowOff>
    </xdr:to>
    <xdr:pic>
      <xdr:nvPicPr>
        <xdr:cNvPr id="3" name="Picture 2">
          <a:extLst>
            <a:ext uri="{FF2B5EF4-FFF2-40B4-BE49-F238E27FC236}">
              <a16:creationId xmlns:a16="http://schemas.microsoft.com/office/drawing/2014/main" id="{F565106A-E4EE-427E-8144-9F08B648191B}"/>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219075" y="4152900"/>
          <a:ext cx="5876925" cy="36004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4.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G1"/>
  <sheetViews>
    <sheetView workbookViewId="0">
      <selection sqref="A1:G1"/>
    </sheetView>
  </sheetViews>
  <sheetFormatPr defaultRowHeight="14.4" x14ac:dyDescent="0.3"/>
  <cols>
    <col min="2" max="2" width="10.5546875" bestFit="1" customWidth="1"/>
    <col min="3" max="3" width="8" bestFit="1" customWidth="1"/>
    <col min="5" max="5" width="10.44140625" bestFit="1" customWidth="1"/>
    <col min="6" max="6" width="10.5546875" bestFit="1" customWidth="1"/>
    <col min="7" max="7" width="10.44140625" bestFit="1" customWidth="1"/>
  </cols>
  <sheetData>
    <row r="1" spans="1:7" ht="29.4" customHeight="1" x14ac:dyDescent="0.3">
      <c r="A1" s="1" t="s">
        <v>0</v>
      </c>
      <c r="B1" s="1" t="s">
        <v>1</v>
      </c>
      <c r="C1" s="1" t="s">
        <v>2</v>
      </c>
      <c r="D1" s="1" t="s">
        <v>3</v>
      </c>
      <c r="E1" s="2" t="s">
        <v>4</v>
      </c>
      <c r="F1" s="2" t="s">
        <v>5</v>
      </c>
      <c r="G1" s="2" t="s">
        <v>6</v>
      </c>
    </row>
  </sheetData>
  <pageMargins left="0.7" right="0.7" top="0.75" bottom="0.75" header="0.3" footer="0.3"/>
  <pageSetup orientation="portrait" r:id="rId1"/>
  <legacy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DC7F5F-ED47-46F6-AB39-2FEFF64CF392}">
  <dimension ref="A1:G9"/>
  <sheetViews>
    <sheetView workbookViewId="0">
      <selection activeCell="F13" sqref="F13"/>
    </sheetView>
  </sheetViews>
  <sheetFormatPr defaultRowHeight="14.4" x14ac:dyDescent="0.3"/>
  <cols>
    <col min="1" max="1" width="15.33203125" bestFit="1" customWidth="1"/>
    <col min="2" max="2" width="10.5546875" bestFit="1" customWidth="1"/>
    <col min="3" max="3" width="16.6640625" bestFit="1" customWidth="1"/>
    <col min="4" max="4" width="10.5546875" bestFit="1" customWidth="1"/>
    <col min="5" max="5" width="20.6640625" bestFit="1" customWidth="1"/>
    <col min="6" max="6" width="20.88671875" bestFit="1" customWidth="1"/>
    <col min="7" max="7" width="18.88671875" bestFit="1" customWidth="1"/>
  </cols>
  <sheetData>
    <row r="1" spans="1:7" x14ac:dyDescent="0.3">
      <c r="A1" s="1" t="s">
        <v>0</v>
      </c>
      <c r="B1" s="1" t="s">
        <v>1</v>
      </c>
      <c r="C1" s="1" t="s">
        <v>2</v>
      </c>
      <c r="D1" s="1" t="s">
        <v>3</v>
      </c>
      <c r="E1" s="2" t="s">
        <v>4</v>
      </c>
      <c r="F1" s="2" t="s">
        <v>5</v>
      </c>
      <c r="G1" s="2" t="s">
        <v>6</v>
      </c>
    </row>
    <row r="2" spans="1:7" x14ac:dyDescent="0.3">
      <c r="A2" t="s">
        <v>7</v>
      </c>
      <c r="C2" t="s">
        <v>10</v>
      </c>
      <c r="E2" t="s">
        <v>8</v>
      </c>
      <c r="F2" t="s">
        <v>9</v>
      </c>
      <c r="G2" t="s">
        <v>10</v>
      </c>
    </row>
    <row r="3" spans="1:7" x14ac:dyDescent="0.3">
      <c r="A3" t="s">
        <v>7</v>
      </c>
      <c r="C3" t="s">
        <v>10</v>
      </c>
      <c r="E3" t="s">
        <v>11</v>
      </c>
      <c r="F3" t="s">
        <v>12</v>
      </c>
      <c r="G3" t="s">
        <v>13</v>
      </c>
    </row>
    <row r="4" spans="1:7" x14ac:dyDescent="0.3">
      <c r="A4" t="s">
        <v>7</v>
      </c>
      <c r="C4" t="s">
        <v>10</v>
      </c>
      <c r="E4" t="s">
        <v>30</v>
      </c>
      <c r="F4" t="s">
        <v>105</v>
      </c>
      <c r="G4" t="s">
        <v>127</v>
      </c>
    </row>
    <row r="5" spans="1:7" x14ac:dyDescent="0.3">
      <c r="A5" t="s">
        <v>7</v>
      </c>
      <c r="C5" t="s">
        <v>10</v>
      </c>
      <c r="E5" t="s">
        <v>14</v>
      </c>
      <c r="F5" t="s">
        <v>15</v>
      </c>
      <c r="G5" t="s">
        <v>16</v>
      </c>
    </row>
    <row r="6" spans="1:7" x14ac:dyDescent="0.3">
      <c r="A6" t="s">
        <v>17</v>
      </c>
      <c r="B6" t="s">
        <v>18</v>
      </c>
      <c r="C6" t="s">
        <v>19</v>
      </c>
      <c r="D6" t="s">
        <v>20</v>
      </c>
      <c r="E6" t="s">
        <v>8</v>
      </c>
      <c r="F6" t="s">
        <v>9</v>
      </c>
      <c r="G6" t="s">
        <v>19</v>
      </c>
    </row>
    <row r="7" spans="1:7" x14ac:dyDescent="0.3">
      <c r="A7" t="s">
        <v>17</v>
      </c>
      <c r="B7" t="s">
        <v>18</v>
      </c>
      <c r="C7" t="s">
        <v>19</v>
      </c>
      <c r="D7" t="s">
        <v>20</v>
      </c>
      <c r="E7" t="s">
        <v>11</v>
      </c>
      <c r="F7" t="s">
        <v>12</v>
      </c>
      <c r="G7" t="s">
        <v>21</v>
      </c>
    </row>
    <row r="8" spans="1:7" x14ac:dyDescent="0.3">
      <c r="A8" t="s">
        <v>17</v>
      </c>
      <c r="B8" t="s">
        <v>18</v>
      </c>
      <c r="C8" t="s">
        <v>19</v>
      </c>
      <c r="D8" t="s">
        <v>20</v>
      </c>
      <c r="E8" t="s">
        <v>14</v>
      </c>
      <c r="F8" t="s">
        <v>15</v>
      </c>
      <c r="G8" t="s">
        <v>16</v>
      </c>
    </row>
    <row r="9" spans="1:7" x14ac:dyDescent="0.3">
      <c r="A9" t="s">
        <v>17</v>
      </c>
      <c r="B9" t="s">
        <v>18</v>
      </c>
      <c r="C9" t="s">
        <v>19</v>
      </c>
      <c r="D9" t="s">
        <v>20</v>
      </c>
      <c r="E9" t="s">
        <v>135</v>
      </c>
      <c r="F9" t="s">
        <v>105</v>
      </c>
      <c r="G9" t="s">
        <v>128</v>
      </c>
    </row>
  </sheetData>
  <pageMargins left="0.7" right="0.7" top="0.75" bottom="0.75" header="0.3" footer="0.3"/>
  <pageSetup orientation="portrait" r:id="rId1"/>
  <legacy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9A9DD9-873E-4BED-A68A-AE82D67D914C}">
  <dimension ref="A1:A2"/>
  <sheetViews>
    <sheetView workbookViewId="0">
      <selection activeCell="O14" sqref="O14"/>
    </sheetView>
  </sheetViews>
  <sheetFormatPr defaultRowHeight="14.4" x14ac:dyDescent="0.3"/>
  <sheetData>
    <row r="1" spans="1:1" x14ac:dyDescent="0.3">
      <c r="A1" s="3" t="s">
        <v>22</v>
      </c>
    </row>
    <row r="2" spans="1:1" x14ac:dyDescent="0.3">
      <c r="A2" t="s">
        <v>23</v>
      </c>
    </row>
  </sheetData>
  <pageMargins left="0.7" right="0.7" top="0.75" bottom="0.75" header="0.3" footer="0.3"/>
  <drawing r:id="rId1"/>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A11B39-2C59-43FD-8A2D-5E48768BB439}">
  <dimension ref="A1:L91"/>
  <sheetViews>
    <sheetView tabSelected="1" topLeftCell="B40" workbookViewId="0">
      <selection activeCell="K70" sqref="K70"/>
    </sheetView>
  </sheetViews>
  <sheetFormatPr defaultRowHeight="14.4" x14ac:dyDescent="0.3"/>
  <cols>
    <col min="1" max="1" width="34.6640625" customWidth="1"/>
    <col min="2" max="2" width="36.109375" customWidth="1"/>
    <col min="3" max="3" width="27" customWidth="1"/>
    <col min="4" max="4" width="31.44140625" customWidth="1"/>
    <col min="5" max="5" width="21.77734375" customWidth="1"/>
    <col min="6" max="6" width="23.44140625" customWidth="1"/>
    <col min="7" max="7" width="22.21875" customWidth="1"/>
    <col min="8" max="8" width="22.33203125" customWidth="1"/>
    <col min="9" max="9" width="27.5546875" customWidth="1"/>
    <col min="10" max="10" width="30.44140625" customWidth="1"/>
    <col min="11" max="11" width="30.6640625" customWidth="1"/>
    <col min="12" max="12" width="18.21875" customWidth="1"/>
  </cols>
  <sheetData>
    <row r="1" spans="1:1" x14ac:dyDescent="0.3">
      <c r="A1" s="3" t="s">
        <v>24</v>
      </c>
    </row>
    <row r="2" spans="1:1" x14ac:dyDescent="0.3">
      <c r="A2" t="s">
        <v>8</v>
      </c>
    </row>
    <row r="3" spans="1:1" x14ac:dyDescent="0.3">
      <c r="A3" t="s">
        <v>11</v>
      </c>
    </row>
    <row r="4" spans="1:1" x14ac:dyDescent="0.3">
      <c r="A4" t="s">
        <v>25</v>
      </c>
    </row>
    <row r="5" spans="1:1" x14ac:dyDescent="0.3">
      <c r="A5" t="s">
        <v>26</v>
      </c>
    </row>
    <row r="6" spans="1:1" x14ac:dyDescent="0.3">
      <c r="A6" t="s">
        <v>27</v>
      </c>
    </row>
    <row r="7" spans="1:1" x14ac:dyDescent="0.3">
      <c r="A7" t="s">
        <v>28</v>
      </c>
    </row>
    <row r="8" spans="1:1" x14ac:dyDescent="0.3">
      <c r="A8" t="s">
        <v>29</v>
      </c>
    </row>
    <row r="9" spans="1:1" x14ac:dyDescent="0.3">
      <c r="A9" t="s">
        <v>135</v>
      </c>
    </row>
    <row r="10" spans="1:1" x14ac:dyDescent="0.3">
      <c r="A10" t="s">
        <v>156</v>
      </c>
    </row>
    <row r="11" spans="1:1" x14ac:dyDescent="0.3">
      <c r="A11" t="s">
        <v>31</v>
      </c>
    </row>
    <row r="12" spans="1:1" x14ac:dyDescent="0.3">
      <c r="A12" t="s">
        <v>161</v>
      </c>
    </row>
    <row r="13" spans="1:1" x14ac:dyDescent="0.3">
      <c r="A13" t="s">
        <v>162</v>
      </c>
    </row>
    <row r="14" spans="1:1" x14ac:dyDescent="0.3">
      <c r="A14" t="s">
        <v>163</v>
      </c>
    </row>
    <row r="15" spans="1:1" x14ac:dyDescent="0.3">
      <c r="A15" t="s">
        <v>164</v>
      </c>
    </row>
    <row r="16" spans="1:1" x14ac:dyDescent="0.3">
      <c r="A16" t="s">
        <v>165</v>
      </c>
    </row>
    <row r="17" spans="1:4" x14ac:dyDescent="0.3">
      <c r="A17" t="s">
        <v>166</v>
      </c>
    </row>
    <row r="18" spans="1:4" x14ac:dyDescent="0.3">
      <c r="A18" t="s">
        <v>32</v>
      </c>
    </row>
    <row r="19" spans="1:4" x14ac:dyDescent="0.3">
      <c r="A19" t="s">
        <v>33</v>
      </c>
    </row>
    <row r="20" spans="1:4" x14ac:dyDescent="0.3">
      <c r="A20" t="s">
        <v>145</v>
      </c>
    </row>
    <row r="21" spans="1:4" x14ac:dyDescent="0.3">
      <c r="A21" t="s">
        <v>146</v>
      </c>
    </row>
    <row r="23" spans="1:4" x14ac:dyDescent="0.3">
      <c r="A23" s="3" t="s">
        <v>34</v>
      </c>
    </row>
    <row r="24" spans="1:4" x14ac:dyDescent="0.3">
      <c r="A24" s="4" t="s">
        <v>8</v>
      </c>
      <c r="B24" s="4" t="s">
        <v>11</v>
      </c>
      <c r="C24" s="4" t="s">
        <v>25</v>
      </c>
      <c r="D24" s="4" t="s">
        <v>26</v>
      </c>
    </row>
    <row r="25" spans="1:4" x14ac:dyDescent="0.3">
      <c r="A25" t="s">
        <v>9</v>
      </c>
      <c r="B25" t="s">
        <v>35</v>
      </c>
      <c r="C25" t="s">
        <v>36</v>
      </c>
      <c r="D25" t="s">
        <v>37</v>
      </c>
    </row>
    <row r="26" spans="1:4" x14ac:dyDescent="0.3">
      <c r="A26" t="s">
        <v>12</v>
      </c>
      <c r="B26" t="s">
        <v>38</v>
      </c>
      <c r="C26" t="s">
        <v>39</v>
      </c>
    </row>
    <row r="27" spans="1:4" x14ac:dyDescent="0.3">
      <c r="A27" t="s">
        <v>40</v>
      </c>
      <c r="B27" t="s">
        <v>43</v>
      </c>
      <c r="C27" t="s">
        <v>41</v>
      </c>
    </row>
    <row r="28" spans="1:4" x14ac:dyDescent="0.3">
      <c r="A28" t="s">
        <v>42</v>
      </c>
      <c r="B28" t="s">
        <v>51</v>
      </c>
      <c r="C28" t="s">
        <v>45</v>
      </c>
    </row>
    <row r="29" spans="1:4" x14ac:dyDescent="0.3">
      <c r="A29" t="s">
        <v>44</v>
      </c>
      <c r="B29" t="s">
        <v>54</v>
      </c>
      <c r="C29" t="s">
        <v>47</v>
      </c>
    </row>
    <row r="30" spans="1:4" x14ac:dyDescent="0.3">
      <c r="A30" t="s">
        <v>46</v>
      </c>
      <c r="B30" t="s">
        <v>57</v>
      </c>
      <c r="C30" t="s">
        <v>49</v>
      </c>
    </row>
    <row r="31" spans="1:4" x14ac:dyDescent="0.3">
      <c r="A31" t="s">
        <v>48</v>
      </c>
      <c r="B31" t="s">
        <v>60</v>
      </c>
      <c r="C31" t="s">
        <v>52</v>
      </c>
    </row>
    <row r="32" spans="1:4" x14ac:dyDescent="0.3">
      <c r="A32" t="s">
        <v>50</v>
      </c>
      <c r="B32" t="s">
        <v>63</v>
      </c>
      <c r="C32" t="s">
        <v>55</v>
      </c>
    </row>
    <row r="33" spans="1:3" x14ac:dyDescent="0.3">
      <c r="A33" t="s">
        <v>53</v>
      </c>
      <c r="B33" t="s">
        <v>66</v>
      </c>
      <c r="C33" t="s">
        <v>58</v>
      </c>
    </row>
    <row r="34" spans="1:3" x14ac:dyDescent="0.3">
      <c r="A34" t="s">
        <v>56</v>
      </c>
      <c r="B34" t="s">
        <v>69</v>
      </c>
      <c r="C34" t="s">
        <v>61</v>
      </c>
    </row>
    <row r="35" spans="1:3" x14ac:dyDescent="0.3">
      <c r="A35" t="s">
        <v>59</v>
      </c>
      <c r="B35" t="s">
        <v>72</v>
      </c>
      <c r="C35" t="s">
        <v>64</v>
      </c>
    </row>
    <row r="36" spans="1:3" x14ac:dyDescent="0.3">
      <c r="A36" t="s">
        <v>62</v>
      </c>
      <c r="B36" t="s">
        <v>75</v>
      </c>
      <c r="C36" t="s">
        <v>67</v>
      </c>
    </row>
    <row r="37" spans="1:3" x14ac:dyDescent="0.3">
      <c r="A37" t="s">
        <v>65</v>
      </c>
      <c r="B37" t="s">
        <v>78</v>
      </c>
      <c r="C37" t="s">
        <v>70</v>
      </c>
    </row>
    <row r="38" spans="1:3" x14ac:dyDescent="0.3">
      <c r="A38" t="s">
        <v>68</v>
      </c>
      <c r="B38" t="s">
        <v>81</v>
      </c>
      <c r="C38" t="s">
        <v>73</v>
      </c>
    </row>
    <row r="39" spans="1:3" x14ac:dyDescent="0.3">
      <c r="A39" t="s">
        <v>71</v>
      </c>
      <c r="B39" t="s">
        <v>84</v>
      </c>
      <c r="C39" t="s">
        <v>76</v>
      </c>
    </row>
    <row r="40" spans="1:3" x14ac:dyDescent="0.3">
      <c r="A40" t="s">
        <v>74</v>
      </c>
      <c r="B40" t="s">
        <v>12</v>
      </c>
      <c r="C40" t="s">
        <v>79</v>
      </c>
    </row>
    <row r="41" spans="1:3" x14ac:dyDescent="0.3">
      <c r="A41" t="s">
        <v>77</v>
      </c>
      <c r="B41" t="s">
        <v>87</v>
      </c>
      <c r="C41" t="s">
        <v>82</v>
      </c>
    </row>
    <row r="42" spans="1:3" x14ac:dyDescent="0.3">
      <c r="A42" t="s">
        <v>80</v>
      </c>
      <c r="B42" t="s">
        <v>89</v>
      </c>
      <c r="C42" t="s">
        <v>85</v>
      </c>
    </row>
    <row r="43" spans="1:3" x14ac:dyDescent="0.3">
      <c r="A43" t="s">
        <v>83</v>
      </c>
      <c r="B43" t="s">
        <v>90</v>
      </c>
      <c r="C43" t="s">
        <v>86</v>
      </c>
    </row>
    <row r="44" spans="1:3" x14ac:dyDescent="0.3">
      <c r="B44" t="s">
        <v>91</v>
      </c>
      <c r="C44" t="s">
        <v>88</v>
      </c>
    </row>
    <row r="45" spans="1:3" x14ac:dyDescent="0.3">
      <c r="B45" t="s">
        <v>92</v>
      </c>
      <c r="C45" t="s">
        <v>129</v>
      </c>
    </row>
    <row r="46" spans="1:3" x14ac:dyDescent="0.3">
      <c r="B46" t="s">
        <v>93</v>
      </c>
      <c r="C46" t="s">
        <v>130</v>
      </c>
    </row>
    <row r="47" spans="1:3" x14ac:dyDescent="0.3">
      <c r="B47" t="s">
        <v>94</v>
      </c>
      <c r="C47" t="s">
        <v>131</v>
      </c>
    </row>
    <row r="48" spans="1:3" x14ac:dyDescent="0.3">
      <c r="B48" t="s">
        <v>95</v>
      </c>
      <c r="C48" t="s">
        <v>132</v>
      </c>
    </row>
    <row r="49" spans="1:12" x14ac:dyDescent="0.3">
      <c r="B49" t="s">
        <v>96</v>
      </c>
      <c r="C49" t="s">
        <v>133</v>
      </c>
    </row>
    <row r="50" spans="1:12" x14ac:dyDescent="0.3">
      <c r="B50" t="s">
        <v>97</v>
      </c>
      <c r="C50" t="s">
        <v>134</v>
      </c>
    </row>
    <row r="51" spans="1:12" x14ac:dyDescent="0.3">
      <c r="B51" t="s">
        <v>98</v>
      </c>
    </row>
    <row r="52" spans="1:12" x14ac:dyDescent="0.3">
      <c r="B52" t="s">
        <v>99</v>
      </c>
    </row>
    <row r="57" spans="1:12" x14ac:dyDescent="0.3">
      <c r="A57" s="4" t="s">
        <v>136</v>
      </c>
      <c r="B57" s="6" t="s">
        <v>28</v>
      </c>
      <c r="C57" s="4" t="s">
        <v>29</v>
      </c>
      <c r="D57" s="4" t="s">
        <v>135</v>
      </c>
      <c r="E57" s="6" t="s">
        <v>156</v>
      </c>
      <c r="F57" s="6" t="s">
        <v>31</v>
      </c>
      <c r="G57" s="6" t="s">
        <v>161</v>
      </c>
      <c r="H57" s="6" t="s">
        <v>162</v>
      </c>
      <c r="I57" s="6" t="s">
        <v>163</v>
      </c>
      <c r="J57" s="6" t="s">
        <v>164</v>
      </c>
      <c r="K57" s="6" t="s">
        <v>165</v>
      </c>
      <c r="L57" s="6" t="s">
        <v>166</v>
      </c>
    </row>
    <row r="58" spans="1:12" x14ac:dyDescent="0.3">
      <c r="A58" t="s">
        <v>100</v>
      </c>
      <c r="B58" s="5" t="s">
        <v>167</v>
      </c>
      <c r="C58" t="s">
        <v>101</v>
      </c>
      <c r="D58" t="s">
        <v>102</v>
      </c>
      <c r="E58" s="7" t="s">
        <v>168</v>
      </c>
      <c r="F58" s="7" t="s">
        <v>113</v>
      </c>
      <c r="G58" s="7" t="s">
        <v>169</v>
      </c>
      <c r="H58" s="7" t="s">
        <v>170</v>
      </c>
      <c r="I58" s="7" t="s">
        <v>171</v>
      </c>
      <c r="J58" s="9" t="s">
        <v>172</v>
      </c>
      <c r="K58" s="7" t="s">
        <v>173</v>
      </c>
      <c r="L58" s="7" t="s">
        <v>174</v>
      </c>
    </row>
    <row r="59" spans="1:12" x14ac:dyDescent="0.3">
      <c r="A59" t="s">
        <v>103</v>
      </c>
      <c r="B59" s="5" t="s">
        <v>175</v>
      </c>
      <c r="C59" t="s">
        <v>104</v>
      </c>
      <c r="D59" t="s">
        <v>141</v>
      </c>
      <c r="E59" s="7" t="s">
        <v>176</v>
      </c>
      <c r="F59" s="7" t="s">
        <v>115</v>
      </c>
      <c r="G59" s="7" t="s">
        <v>177</v>
      </c>
      <c r="H59" s="7" t="s">
        <v>206</v>
      </c>
      <c r="I59" s="7" t="s">
        <v>178</v>
      </c>
      <c r="J59" s="9" t="s">
        <v>179</v>
      </c>
      <c r="K59" s="7" t="s">
        <v>180</v>
      </c>
      <c r="L59" s="7" t="s">
        <v>206</v>
      </c>
    </row>
    <row r="60" spans="1:12" x14ac:dyDescent="0.3">
      <c r="A60" t="s">
        <v>106</v>
      </c>
      <c r="B60" s="5" t="s">
        <v>181</v>
      </c>
      <c r="C60" t="s">
        <v>108</v>
      </c>
      <c r="D60" t="s">
        <v>142</v>
      </c>
      <c r="E60" s="7" t="s">
        <v>182</v>
      </c>
      <c r="F60" s="7" t="s">
        <v>143</v>
      </c>
      <c r="G60" s="8" t="s">
        <v>207</v>
      </c>
      <c r="H60" s="7" t="s">
        <v>183</v>
      </c>
      <c r="I60" s="7" t="s">
        <v>184</v>
      </c>
      <c r="J60" s="9" t="s">
        <v>185</v>
      </c>
      <c r="K60" s="7" t="s">
        <v>206</v>
      </c>
      <c r="L60" s="7" t="s">
        <v>186</v>
      </c>
    </row>
    <row r="61" spans="1:12" x14ac:dyDescent="0.3">
      <c r="B61" s="5" t="s">
        <v>187</v>
      </c>
      <c r="C61" t="s">
        <v>109</v>
      </c>
      <c r="D61" t="s">
        <v>105</v>
      </c>
      <c r="E61" s="7" t="s">
        <v>160</v>
      </c>
      <c r="F61" s="7" t="s">
        <v>144</v>
      </c>
      <c r="G61" s="7" t="s">
        <v>183</v>
      </c>
      <c r="H61" s="7" t="s">
        <v>186</v>
      </c>
      <c r="I61" s="7" t="s">
        <v>188</v>
      </c>
      <c r="J61" s="9" t="s">
        <v>189</v>
      </c>
      <c r="K61" s="7" t="s">
        <v>183</v>
      </c>
      <c r="L61" s="7" t="s">
        <v>190</v>
      </c>
    </row>
    <row r="62" spans="1:12" x14ac:dyDescent="0.3">
      <c r="B62" s="5" t="s">
        <v>191</v>
      </c>
      <c r="C62" t="s">
        <v>110</v>
      </c>
      <c r="E62" s="7" t="s">
        <v>192</v>
      </c>
      <c r="F62" s="7" t="s">
        <v>117</v>
      </c>
      <c r="G62" s="7" t="s">
        <v>186</v>
      </c>
      <c r="H62" s="7" t="s">
        <v>190</v>
      </c>
      <c r="I62" s="7" t="s">
        <v>193</v>
      </c>
      <c r="J62" s="9" t="s">
        <v>194</v>
      </c>
      <c r="K62" s="7" t="s">
        <v>186</v>
      </c>
      <c r="L62" s="7"/>
    </row>
    <row r="63" spans="1:12" x14ac:dyDescent="0.3">
      <c r="B63" s="5" t="s">
        <v>139</v>
      </c>
      <c r="C63" t="s">
        <v>111</v>
      </c>
      <c r="E63" s="7" t="s">
        <v>159</v>
      </c>
      <c r="F63" s="7"/>
      <c r="G63" s="7" t="s">
        <v>190</v>
      </c>
      <c r="H63" s="7"/>
      <c r="I63" s="7" t="s">
        <v>195</v>
      </c>
      <c r="J63" s="9" t="s">
        <v>196</v>
      </c>
      <c r="K63" s="7" t="s">
        <v>190</v>
      </c>
      <c r="L63" s="7"/>
    </row>
    <row r="64" spans="1:12" x14ac:dyDescent="0.3">
      <c r="B64" s="5" t="s">
        <v>197</v>
      </c>
      <c r="C64" t="s">
        <v>137</v>
      </c>
      <c r="E64" s="7" t="s">
        <v>158</v>
      </c>
      <c r="F64" s="7"/>
      <c r="G64" s="7"/>
      <c r="H64" s="7"/>
      <c r="I64" s="7" t="s">
        <v>198</v>
      </c>
      <c r="J64" s="9" t="s">
        <v>199</v>
      </c>
      <c r="K64" s="7"/>
      <c r="L64" s="7"/>
    </row>
    <row r="65" spans="1:12" x14ac:dyDescent="0.3">
      <c r="B65" s="5" t="s">
        <v>140</v>
      </c>
      <c r="C65" t="s">
        <v>138</v>
      </c>
      <c r="E65" s="7"/>
      <c r="F65" s="7"/>
      <c r="G65" s="7"/>
      <c r="H65" s="7"/>
      <c r="I65" s="7" t="s">
        <v>200</v>
      </c>
      <c r="J65" s="9" t="s">
        <v>201</v>
      </c>
      <c r="K65" s="7"/>
      <c r="L65" s="7"/>
    </row>
    <row r="66" spans="1:12" x14ac:dyDescent="0.3">
      <c r="B66" s="5" t="s">
        <v>107</v>
      </c>
      <c r="C66" t="s">
        <v>112</v>
      </c>
      <c r="E66" s="7"/>
      <c r="F66" s="7"/>
      <c r="G66" s="7"/>
      <c r="H66" s="7"/>
      <c r="I66" s="7" t="s">
        <v>202</v>
      </c>
      <c r="J66" s="9" t="s">
        <v>206</v>
      </c>
      <c r="K66" s="7"/>
      <c r="L66" s="7"/>
    </row>
    <row r="67" spans="1:12" x14ac:dyDescent="0.3">
      <c r="E67" s="7"/>
      <c r="F67" s="7"/>
      <c r="G67" s="7"/>
      <c r="H67" s="7"/>
      <c r="I67" s="7" t="s">
        <v>203</v>
      </c>
      <c r="J67" s="9" t="s">
        <v>186</v>
      </c>
      <c r="K67" s="7"/>
      <c r="L67" s="7"/>
    </row>
    <row r="68" spans="1:12" x14ac:dyDescent="0.3">
      <c r="A68" s="4" t="s">
        <v>31</v>
      </c>
      <c r="B68" s="4" t="s">
        <v>32</v>
      </c>
      <c r="C68" s="4"/>
      <c r="D68" s="4" t="s">
        <v>145</v>
      </c>
      <c r="E68" s="7"/>
      <c r="F68" s="7"/>
      <c r="G68" s="7"/>
      <c r="H68" s="7"/>
      <c r="I68" s="7" t="s">
        <v>204</v>
      </c>
      <c r="J68" s="9" t="s">
        <v>190</v>
      </c>
      <c r="K68" s="7"/>
      <c r="L68" s="7"/>
    </row>
    <row r="69" spans="1:12" x14ac:dyDescent="0.3">
      <c r="A69" t="s">
        <v>113</v>
      </c>
      <c r="B69" t="s">
        <v>114</v>
      </c>
      <c r="D69" t="s">
        <v>147</v>
      </c>
      <c r="E69" s="7"/>
      <c r="F69" s="7"/>
      <c r="G69" s="7"/>
      <c r="H69" s="7"/>
      <c r="I69" s="7" t="s">
        <v>205</v>
      </c>
      <c r="J69" s="7"/>
      <c r="K69" s="7"/>
      <c r="L69" s="7"/>
    </row>
    <row r="70" spans="1:12" x14ac:dyDescent="0.3">
      <c r="A70" t="s">
        <v>115</v>
      </c>
      <c r="B70" t="s">
        <v>116</v>
      </c>
      <c r="D70" t="s">
        <v>148</v>
      </c>
      <c r="E70" s="7"/>
      <c r="F70" s="7"/>
      <c r="G70" s="7"/>
      <c r="H70" s="7"/>
      <c r="I70" s="7" t="s">
        <v>206</v>
      </c>
      <c r="J70" s="7"/>
      <c r="K70" s="7"/>
      <c r="L70" s="7"/>
    </row>
    <row r="71" spans="1:12" x14ac:dyDescent="0.3">
      <c r="A71" t="s">
        <v>143</v>
      </c>
      <c r="B71" t="s">
        <v>118</v>
      </c>
      <c r="D71" t="s">
        <v>149</v>
      </c>
      <c r="E71" s="7"/>
      <c r="F71" s="7"/>
      <c r="G71" s="7"/>
      <c r="H71" s="7"/>
      <c r="I71" s="7" t="s">
        <v>183</v>
      </c>
      <c r="J71" s="7"/>
      <c r="K71" s="7"/>
      <c r="L71" s="7"/>
    </row>
    <row r="72" spans="1:12" x14ac:dyDescent="0.3">
      <c r="A72" t="s">
        <v>144</v>
      </c>
      <c r="B72" t="s">
        <v>119</v>
      </c>
      <c r="E72" s="7"/>
      <c r="F72" s="7"/>
      <c r="G72" s="7"/>
      <c r="H72" s="7"/>
      <c r="I72" s="7" t="s">
        <v>186</v>
      </c>
      <c r="J72" s="7"/>
      <c r="K72" s="7"/>
      <c r="L72" s="7"/>
    </row>
    <row r="73" spans="1:12" x14ac:dyDescent="0.3">
      <c r="A73" t="s">
        <v>117</v>
      </c>
      <c r="B73" t="s">
        <v>120</v>
      </c>
      <c r="E73" s="7"/>
      <c r="F73" s="7"/>
      <c r="G73" s="7"/>
      <c r="H73" s="7"/>
      <c r="I73" s="7" t="s">
        <v>190</v>
      </c>
      <c r="J73" s="7"/>
      <c r="K73" s="7"/>
      <c r="L73" s="7"/>
    </row>
    <row r="74" spans="1:12" x14ac:dyDescent="0.3">
      <c r="B74" t="s">
        <v>121</v>
      </c>
    </row>
    <row r="75" spans="1:12" x14ac:dyDescent="0.3">
      <c r="B75" t="s">
        <v>122</v>
      </c>
    </row>
    <row r="76" spans="1:12" x14ac:dyDescent="0.3">
      <c r="B76" t="s">
        <v>123</v>
      </c>
    </row>
    <row r="77" spans="1:12" x14ac:dyDescent="0.3">
      <c r="B77" t="s">
        <v>124</v>
      </c>
    </row>
    <row r="78" spans="1:12" x14ac:dyDescent="0.3">
      <c r="B78" t="s">
        <v>9</v>
      </c>
    </row>
    <row r="79" spans="1:12" x14ac:dyDescent="0.3">
      <c r="B79" t="s">
        <v>93</v>
      </c>
    </row>
    <row r="80" spans="1:12" x14ac:dyDescent="0.3">
      <c r="B80" t="s">
        <v>94</v>
      </c>
    </row>
    <row r="81" spans="1:3" x14ac:dyDescent="0.3">
      <c r="B81" t="s">
        <v>96</v>
      </c>
    </row>
    <row r="82" spans="1:3" x14ac:dyDescent="0.3">
      <c r="B82" t="s">
        <v>125</v>
      </c>
    </row>
    <row r="83" spans="1:3" x14ac:dyDescent="0.3">
      <c r="B83" t="s">
        <v>126</v>
      </c>
    </row>
    <row r="84" spans="1:3" x14ac:dyDescent="0.3"/>
    <row r="85" spans="1:3" x14ac:dyDescent="0.3">
      <c r="A85" s="4" t="s">
        <v>146</v>
      </c>
      <c r="B85" s="4" t="s">
        <v>156</v>
      </c>
    </row>
    <row r="86" spans="1:3" x14ac:dyDescent="0.3">
      <c r="A86" t="s">
        <v>150</v>
      </c>
      <c r="B86" t="s">
        <v>157</v>
      </c>
    </row>
    <row r="87" spans="1:3" x14ac:dyDescent="0.3">
      <c r="A87" t="s">
        <v>154</v>
      </c>
      <c r="B87" t="s">
        <v>158</v>
      </c>
    </row>
    <row r="88" spans="1:3" x14ac:dyDescent="0.3">
      <c r="A88" t="s">
        <v>153</v>
      </c>
      <c r="B88" t="s">
        <v>159</v>
      </c>
    </row>
    <row r="89" spans="1:3" x14ac:dyDescent="0.3">
      <c r="A89" t="s">
        <v>151</v>
      </c>
      <c r="B89" t="s">
        <v>160</v>
      </c>
    </row>
    <row r="90" spans="1:3" x14ac:dyDescent="0.3">
      <c r="A90" t="s">
        <v>155</v>
      </c>
    </row>
    <row r="91" spans="1:3" x14ac:dyDescent="0.3">
      <c r="A91" t="s">
        <v>152</v>
      </c>
    </row>
  </sheetData>
  <pageMargins left="0.7" right="0.7" top="0.75" bottom="0.75" header="0.3" footer="0.3"/>
  <pageSetup orientation="portrait" r:id="rId1"/>
  <legacyDrawing r:id="rId2"/>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4</vt:i4>
      </vt:variant>
    </vt:vector>
  </HeadingPairs>
  <TitlesOfParts>
    <vt:vector size="4" baseType="lpstr">
      <vt:lpstr>Template</vt:lpstr>
      <vt:lpstr>Example</vt:lpstr>
      <vt:lpstr>Instructions</vt:lpstr>
      <vt:lpstr>Pages and Fields Key</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lizabeth Mahon</dc:creator>
  <cp:lastModifiedBy>Marcin Luzny</cp:lastModifiedBy>
  <dcterms:created xsi:type="dcterms:W3CDTF">2015-06-05T18:17:20Z</dcterms:created>
  <dcterms:modified xsi:type="dcterms:W3CDTF">2023-10-13T09:37:31Z</dcterms:modified>
</cp:coreProperties>
</file>